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32"/>
  </p:notesMasterIdLst>
  <p:sldIdLst>
    <p:sldId id="257" r:id="rId10"/>
    <p:sldId id="288" r:id="rId11"/>
    <p:sldId id="504" r:id="rId12"/>
    <p:sldId id="505" r:id="rId13"/>
    <p:sldId id="493" r:id="rId14"/>
    <p:sldId id="270" r:id="rId15"/>
    <p:sldId id="496" r:id="rId16"/>
    <p:sldId id="498" r:id="rId17"/>
    <p:sldId id="499" r:id="rId18"/>
    <p:sldId id="503" r:id="rId19"/>
    <p:sldId id="502" r:id="rId20"/>
    <p:sldId id="500" r:id="rId21"/>
    <p:sldId id="501" r:id="rId22"/>
    <p:sldId id="511" r:id="rId23"/>
    <p:sldId id="512" r:id="rId24"/>
    <p:sldId id="506" r:id="rId25"/>
    <p:sldId id="510" r:id="rId26"/>
    <p:sldId id="513" r:id="rId27"/>
    <p:sldId id="514" r:id="rId28"/>
    <p:sldId id="507" r:id="rId29"/>
    <p:sldId id="508" r:id="rId30"/>
    <p:sldId id="509" r:id="rId3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BD9BFA4-66E0-498C-B62C-7984569D5F8C}" v="23" dt="2022-05-17T09:37:54.145"/>
    <p1510:client id="{CB73C377-69E5-4347-A7F9-9DB2A3292708}" v="20" dt="2022-05-16T10:43:39.62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86640" autoAdjust="0"/>
  </p:normalViewPr>
  <p:slideViewPr>
    <p:cSldViewPr snapToGrid="0" showGuides="1">
      <p:cViewPr varScale="1">
        <p:scale>
          <a:sx n="58" d="100"/>
          <a:sy n="58" d="100"/>
        </p:scale>
        <p:origin x="952" y="2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notesMaster" Target="notesMasters/notesMaster1.xml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7/05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997537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5169381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13512589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77699503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Projekterne er opdelt i faser for at styre ressourceforbruget og kontrollere, at projektet er på sporet.</a:t>
            </a:r>
          </a:p>
          <a:p>
            <a:r>
              <a:rPr lang="da-DK" dirty="0"/>
              <a:t>Faseopdelingen må ikke forveksles med opdelingen af udviklingsmetoder i vandfald og agil. Al udvikling foregår i udførelsesfasen, og man bruger de metoder, man aftaler.</a:t>
            </a:r>
          </a:p>
          <a:p>
            <a:r>
              <a:rPr lang="da-DK" dirty="0"/>
              <a:t>Hvis der mangler viden eller markedet er umodent, kan man undtagelsesvist lave små prototyper eller </a:t>
            </a:r>
            <a:r>
              <a:rPr lang="da-DK" dirty="0" err="1"/>
              <a:t>proof</a:t>
            </a:r>
            <a:r>
              <a:rPr lang="da-DK" dirty="0"/>
              <a:t>-of-</a:t>
            </a:r>
            <a:r>
              <a:rPr lang="da-DK" dirty="0" err="1"/>
              <a:t>concept</a:t>
            </a:r>
            <a:r>
              <a:rPr lang="da-DK" dirty="0"/>
              <a:t> i initieringsfasen, men ellers er denne model velegnet, når idéen er forholdsvis klar og man kan se projektet formål, vision eller resultat for sig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8235505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4039452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64637059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8608121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l.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719191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50749401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22794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27173446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62666629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0098135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797236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38147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Model – vi laver modeller for at kunne give et overblik over et begreb. En projektmodel viser fx faser og processer, men ikke organisation, opgaver eller leverancer.</a:t>
            </a:r>
          </a:p>
          <a:p>
            <a:r>
              <a:rPr lang="da-DK" dirty="0"/>
              <a:t>En portefølje er en samling af fx projekter. Dvs. en liste med nogle få stamdata om projekterne.</a:t>
            </a:r>
          </a:p>
          <a:p>
            <a:r>
              <a:rPr lang="da-DK" dirty="0"/>
              <a:t>Porteføljestyring er, når man laver en målrettet påvirkning af de projekter, der indgår i porteføljen, og man evt. proaktivt beslutter, hvilke nye projekter, der skal gennemføres.</a:t>
            </a:r>
          </a:p>
          <a:p>
            <a:r>
              <a:rPr lang="da-DK" dirty="0"/>
              <a:t>Projekter er målrettede afgrænsede udviklingsaktiviteter.</a:t>
            </a:r>
          </a:p>
          <a:p>
            <a:r>
              <a:rPr lang="da-DK" dirty="0"/>
              <a:t>Projektstyring kan foregå mere eller mindre stringent ved brug af standardiserede processer og skabeloner.</a:t>
            </a:r>
          </a:p>
          <a:p>
            <a:r>
              <a:rPr lang="da-DK" dirty="0"/>
              <a:t>Projektprocesser er målrettede aktiviteter.</a:t>
            </a:r>
          </a:p>
          <a:p>
            <a:r>
              <a:rPr lang="da-DK" dirty="0"/>
              <a:t>Projektfaser er en underopdeling af projektet, med sit eget formål, aktiviteter og resultater. De skal sikre, at vi bruger ressourcerne bedst muligt.</a:t>
            </a:r>
          </a:p>
          <a:p>
            <a:r>
              <a:rPr lang="da-DK" dirty="0"/>
              <a:t>Gates er en del af porteføljestyringen, hvor projektet opnår en godkendelse og tilladelse til at fortsætte og bruge ressourcer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6156881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Projekterne er opdelt i faser for at styre ressourceforbruget og kontrollere, at projektet er på sporet.</a:t>
            </a:r>
          </a:p>
          <a:p>
            <a:r>
              <a:rPr lang="da-DK" dirty="0"/>
              <a:t>Faseopdelingen må ikke forveksles med opdelingen af udviklingsmetoder i vandfald og agil. Al udvikling foregår i udførelsesfasen, og man bruger de metoder, man aftaler.</a:t>
            </a:r>
          </a:p>
          <a:p>
            <a:r>
              <a:rPr lang="da-DK" dirty="0"/>
              <a:t>Hvis der mangler viden eller markedet er umodent, kan man undtagelsesvist lave små prototyper eller </a:t>
            </a:r>
            <a:r>
              <a:rPr lang="da-DK" dirty="0" err="1"/>
              <a:t>proof</a:t>
            </a:r>
            <a:r>
              <a:rPr lang="da-DK" dirty="0"/>
              <a:t>-of-</a:t>
            </a:r>
            <a:r>
              <a:rPr lang="da-DK" dirty="0" err="1"/>
              <a:t>concept</a:t>
            </a:r>
            <a:r>
              <a:rPr lang="da-DK" dirty="0"/>
              <a:t> i initieringsfasen, men ellers er denne model velegnet, når idéen er forholdsvis klar og man kan se projektet formål, vision eller resultat for sig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1845847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sz="1800" dirty="0">
                <a:effectLst/>
                <a:latin typeface="Candara" panose="020E0502030303020204" pitchFamily="34" charset="0"/>
                <a:ea typeface="Candara" panose="020E0502030303020204" pitchFamily="34" charset="0"/>
                <a:cs typeface="Times New Roman" panose="02020603050405020304" pitchFamily="18" charset="0"/>
              </a:rPr>
              <a:t>Om projektmodellen ud fra SDUnet. 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2684955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69700222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5365747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95544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7-05-20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82" r:id="rId7"/>
    <p:sldLayoutId id="2147483689" r:id="rId8"/>
    <p:sldLayoutId id="2147483676" r:id="rId9"/>
    <p:sldLayoutId id="2147483654" r:id="rId10"/>
    <p:sldLayoutId id="2147483685" r:id="rId11"/>
    <p:sldLayoutId id="2147483691" r:id="rId12"/>
    <p:sldLayoutId id="2147483662" r:id="rId13"/>
    <p:sldLayoutId id="214748369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7.xml"/><Relationship Id="rId5" Type="http://schemas.openxmlformats.org/officeDocument/2006/relationships/image" Target="../media/image9.emf"/><Relationship Id="rId4" Type="http://schemas.openxmlformats.org/officeDocument/2006/relationships/notesSlide" Target="../notesSlides/notesSlide1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emf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emf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6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6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Relationship Id="rId5" Type="http://schemas.openxmlformats.org/officeDocument/2006/relationships/image" Target="../media/image3.emf"/><Relationship Id="rId4" Type="http://schemas.openxmlformats.org/officeDocument/2006/relationships/notesSlide" Target="../notesSlides/notesSlide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hyperlink" Target="https://sdunet.dk/da/servicesider/digitalisering-og-it/projekt_og_portefoeljestyring/digitaliseringsportefoeljen/ny_projektide" TargetMode="Externa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6.xml"/><Relationship Id="rId4" Type="http://schemas.openxmlformats.org/officeDocument/2006/relationships/image" Target="../media/image4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97F894D-9FFA-4C7B-8630-45BFFAEF2F2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Velkommen til </a:t>
            </a:r>
            <a:r>
              <a:rPr lang="da-DK" sz="8800" dirty="0"/>
              <a:t>Projekt- og porteføljenetværk</a:t>
            </a:r>
            <a:br>
              <a:rPr lang="da-DK" dirty="0"/>
            </a:br>
            <a:br>
              <a:rPr lang="da-DK" dirty="0"/>
            </a:br>
            <a:r>
              <a:rPr lang="da-DK" dirty="0"/>
              <a:t>17. maj 2022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pPr/>
              <a:t>17-05-202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ADF420FB-C502-40C3-9DA5-EF1A04D67A4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7190283" y="434013"/>
            <a:ext cx="2893126" cy="968037"/>
          </a:xfrm>
        </p:spPr>
        <p:txBody>
          <a:bodyPr/>
          <a:lstStyle/>
          <a:p>
            <a:r>
              <a:rPr lang="da-DK" dirty="0"/>
              <a:t>Idéoplæg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73869708-F313-4DE1-9718-77A3272CB72D}"/>
              </a:ext>
            </a:extLst>
          </p:cNvPr>
          <p:cNvSpPr txBox="1">
            <a:spLocks/>
          </p:cNvSpPr>
          <p:nvPr/>
        </p:nvSpPr>
        <p:spPr>
          <a:xfrm>
            <a:off x="749509" y="2578307"/>
            <a:ext cx="10622892" cy="3637935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50000"/>
              </a:lnSpc>
            </a:pPr>
            <a:r>
              <a:rPr lang="da-DK" sz="2400" dirty="0"/>
              <a:t>Dokumentets formål er, at beskrive idéen godt nok til at få ressourcer til analyser og planlægning i Initieringsfasen</a:t>
            </a:r>
          </a:p>
          <a:p>
            <a:pPr>
              <a:lnSpc>
                <a:spcPct val="150000"/>
              </a:lnSpc>
            </a:pPr>
            <a:endParaRPr lang="da-DK" sz="2400" dirty="0"/>
          </a:p>
          <a:p>
            <a:pPr>
              <a:lnSpc>
                <a:spcPct val="150000"/>
              </a:lnSpc>
            </a:pPr>
            <a:r>
              <a:rPr lang="da-DK" sz="2400" dirty="0"/>
              <a:t>2 skabeloner at vælge i mellem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Kort om hvorfor, hvad, hvem og hvordan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Gevinster, omkostninger og konsekvenser</a:t>
            </a:r>
          </a:p>
          <a:p>
            <a:pPr>
              <a:lnSpc>
                <a:spcPct val="150000"/>
              </a:lnSpc>
            </a:pPr>
            <a:endParaRPr lang="da-DK" sz="2400" dirty="0"/>
          </a:p>
        </p:txBody>
      </p:sp>
      <p:pic>
        <p:nvPicPr>
          <p:cNvPr id="6" name="Billede 5" descr="Et billede, der indeholder lys&#10;&#10;Automatisk genereret beskrivelse">
            <a:extLst>
              <a:ext uri="{FF2B5EF4-FFF2-40B4-BE49-F238E27FC236}">
                <a16:creationId xmlns:a16="http://schemas.microsoft.com/office/drawing/2014/main" id="{8265EA81-70AC-4632-B8FF-3A076DD378D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39933" y="321118"/>
            <a:ext cx="1482713" cy="15526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31705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FA1AFC7F-8F77-4D59-8795-6E7B30F80B8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18923" y="473963"/>
            <a:ext cx="10768670" cy="1127742"/>
          </a:xfrm>
        </p:spPr>
        <p:txBody>
          <a:bodyPr/>
          <a:lstStyle/>
          <a:p>
            <a:pPr algn="r"/>
            <a:r>
              <a:rPr lang="da-DK" dirty="0"/>
              <a:t>Målhierarki</a:t>
            </a:r>
          </a:p>
        </p:txBody>
      </p:sp>
      <p:sp>
        <p:nvSpPr>
          <p:cNvPr id="4" name="Nedadgående pil 4">
            <a:extLst>
              <a:ext uri="{FF2B5EF4-FFF2-40B4-BE49-F238E27FC236}">
                <a16:creationId xmlns:a16="http://schemas.microsoft.com/office/drawing/2014/main" id="{2959BF5A-2373-47C1-9DCA-103BB82C1FB2}"/>
              </a:ext>
            </a:extLst>
          </p:cNvPr>
          <p:cNvSpPr/>
          <p:nvPr/>
        </p:nvSpPr>
        <p:spPr>
          <a:xfrm>
            <a:off x="2279576" y="4197970"/>
            <a:ext cx="216024" cy="1201720"/>
          </a:xfrm>
          <a:prstGeom prst="downArrow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" name="Opadgående pil 5">
            <a:extLst>
              <a:ext uri="{FF2B5EF4-FFF2-40B4-BE49-F238E27FC236}">
                <a16:creationId xmlns:a16="http://schemas.microsoft.com/office/drawing/2014/main" id="{6A6B0CD1-67F1-4DAB-A98C-5C8ECD067D87}"/>
              </a:ext>
            </a:extLst>
          </p:cNvPr>
          <p:cNvSpPr/>
          <p:nvPr/>
        </p:nvSpPr>
        <p:spPr>
          <a:xfrm>
            <a:off x="2279576" y="2033752"/>
            <a:ext cx="216024" cy="1179224"/>
          </a:xfrm>
          <a:prstGeom prst="upArrow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6" name="Tekstboks 6">
            <a:extLst>
              <a:ext uri="{FF2B5EF4-FFF2-40B4-BE49-F238E27FC236}">
                <a16:creationId xmlns:a16="http://schemas.microsoft.com/office/drawing/2014/main" id="{8AAC02BF-2D98-4EE4-87A7-04E7BF7A679D}"/>
              </a:ext>
            </a:extLst>
          </p:cNvPr>
          <p:cNvSpPr txBox="1"/>
          <p:nvPr/>
        </p:nvSpPr>
        <p:spPr>
          <a:xfrm>
            <a:off x="4937752" y="2544856"/>
            <a:ext cx="386259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Hvorfor er projektet nødvendigt?</a:t>
            </a:r>
          </a:p>
        </p:txBody>
      </p:sp>
      <p:sp>
        <p:nvSpPr>
          <p:cNvPr id="7" name="Tekstboks 7">
            <a:extLst>
              <a:ext uri="{FF2B5EF4-FFF2-40B4-BE49-F238E27FC236}">
                <a16:creationId xmlns:a16="http://schemas.microsoft.com/office/drawing/2014/main" id="{67723BCE-8404-459B-B05B-5627CED5C8FF}"/>
              </a:ext>
            </a:extLst>
          </p:cNvPr>
          <p:cNvSpPr txBox="1"/>
          <p:nvPr/>
        </p:nvSpPr>
        <p:spPr>
          <a:xfrm>
            <a:off x="4935095" y="4581128"/>
            <a:ext cx="3073788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Hvordan skal vi gøre det?</a:t>
            </a:r>
          </a:p>
        </p:txBody>
      </p:sp>
      <p:sp>
        <p:nvSpPr>
          <p:cNvPr id="8" name="Tekstboks 8">
            <a:extLst>
              <a:ext uri="{FF2B5EF4-FFF2-40B4-BE49-F238E27FC236}">
                <a16:creationId xmlns:a16="http://schemas.microsoft.com/office/drawing/2014/main" id="{E35292BE-28F3-4381-9918-16D5086276F0}"/>
              </a:ext>
            </a:extLst>
          </p:cNvPr>
          <p:cNvSpPr txBox="1"/>
          <p:nvPr/>
        </p:nvSpPr>
        <p:spPr>
          <a:xfrm>
            <a:off x="1554794" y="2512557"/>
            <a:ext cx="3295858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2400" dirty="0"/>
              <a:t>Formål</a:t>
            </a:r>
          </a:p>
        </p:txBody>
      </p:sp>
      <p:sp>
        <p:nvSpPr>
          <p:cNvPr id="9" name="Tekstboks 6">
            <a:extLst>
              <a:ext uri="{FF2B5EF4-FFF2-40B4-BE49-F238E27FC236}">
                <a16:creationId xmlns:a16="http://schemas.microsoft.com/office/drawing/2014/main" id="{A6F0C846-117D-471F-93DD-3FC58B0286A2}"/>
              </a:ext>
            </a:extLst>
          </p:cNvPr>
          <p:cNvSpPr txBox="1"/>
          <p:nvPr/>
        </p:nvSpPr>
        <p:spPr>
          <a:xfrm>
            <a:off x="4937752" y="3533527"/>
            <a:ext cx="307113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Hvad skal projektet levere?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B5BC7638-4AEB-467D-BAC8-17F6BC171E90}"/>
              </a:ext>
            </a:extLst>
          </p:cNvPr>
          <p:cNvSpPr txBox="1"/>
          <p:nvPr/>
        </p:nvSpPr>
        <p:spPr>
          <a:xfrm>
            <a:off x="2711624" y="3533527"/>
            <a:ext cx="2010104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400" dirty="0"/>
              <a:t>Projektmål</a:t>
            </a:r>
          </a:p>
          <a:p>
            <a:endParaRPr lang="da-DK" sz="1600" dirty="0" err="1"/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B696AB0E-A403-48FD-8DF0-5F7F334EDE18}"/>
              </a:ext>
            </a:extLst>
          </p:cNvPr>
          <p:cNvSpPr txBox="1"/>
          <p:nvPr/>
        </p:nvSpPr>
        <p:spPr>
          <a:xfrm>
            <a:off x="2711624" y="4581128"/>
            <a:ext cx="3003331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400" dirty="0"/>
              <a:t>Leverancer</a:t>
            </a:r>
          </a:p>
          <a:p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112273806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ADF420FB-C502-40C3-9DA5-EF1A04D67A4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096000" y="545970"/>
            <a:ext cx="5367600" cy="968037"/>
          </a:xfrm>
        </p:spPr>
        <p:txBody>
          <a:bodyPr/>
          <a:lstStyle/>
          <a:p>
            <a:r>
              <a:rPr lang="da-DK" dirty="0"/>
              <a:t>Projektgrundlag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73869708-F313-4DE1-9718-77A3272CB72D}"/>
              </a:ext>
            </a:extLst>
          </p:cNvPr>
          <p:cNvSpPr txBox="1">
            <a:spLocks/>
          </p:cNvSpPr>
          <p:nvPr/>
        </p:nvSpPr>
        <p:spPr>
          <a:xfrm>
            <a:off x="749509" y="1394085"/>
            <a:ext cx="10714091" cy="4822157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50000"/>
              </a:lnSpc>
            </a:pPr>
            <a:r>
              <a:rPr lang="da-DK" sz="2400" dirty="0"/>
              <a:t>Formålet med projektet - hvorfor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Beskrivelse af den nuværende situation inkl. tid og kroner 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Beskrivelse af den fremtidige situation inkl. forventet tid og kroner 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Konklusion fra gevinstkortlægning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Konklusion fra risikoanalyse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Business case og investeringsvurdering</a:t>
            </a:r>
          </a:p>
        </p:txBody>
      </p:sp>
      <p:pic>
        <p:nvPicPr>
          <p:cNvPr id="6" name="Pladsholder til billede 13">
            <a:extLst>
              <a:ext uri="{FF2B5EF4-FFF2-40B4-BE49-F238E27FC236}">
                <a16:creationId xmlns:a16="http://schemas.microsoft.com/office/drawing/2014/main" id="{BA613E11-01A7-49F4-A147-BA5B9F0F5B46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5610" t="-33265" r="-15610" b="-33265"/>
          <a:stretch/>
        </p:blipFill>
        <p:spPr>
          <a:xfrm>
            <a:off x="10590274" y="424696"/>
            <a:ext cx="873326" cy="1090663"/>
          </a:xfrm>
          <a:prstGeom prst="rect">
            <a:avLst/>
          </a:prstGeom>
          <a:solidFill>
            <a:srgbClr val="862633"/>
          </a:solidFill>
        </p:spPr>
      </p:pic>
    </p:spTree>
    <p:extLst>
      <p:ext uri="{BB962C8B-B14F-4D97-AF65-F5344CB8AC3E}">
        <p14:creationId xmlns:p14="http://schemas.microsoft.com/office/powerpoint/2010/main" val="224623902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ADF420FB-C502-40C3-9DA5-EF1A04D67A4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096000" y="545970"/>
            <a:ext cx="5367600" cy="968037"/>
          </a:xfrm>
        </p:spPr>
        <p:txBody>
          <a:bodyPr/>
          <a:lstStyle/>
          <a:p>
            <a:pPr algn="r"/>
            <a:r>
              <a:rPr lang="da-DK" dirty="0"/>
              <a:t>Projektgrundlag</a:t>
            </a:r>
          </a:p>
        </p:txBody>
      </p:sp>
      <p:pic>
        <p:nvPicPr>
          <p:cNvPr id="4" name="Picture 2" descr="illedresultat for Fundament">
            <a:extLst>
              <a:ext uri="{FF2B5EF4-FFF2-40B4-BE49-F238E27FC236}">
                <a16:creationId xmlns:a16="http://schemas.microsoft.com/office/drawing/2014/main" id="{09BD298D-BABB-459F-B4E0-5D8B37CC862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6219"/>
          <a:stretch/>
        </p:blipFill>
        <p:spPr bwMode="auto">
          <a:xfrm>
            <a:off x="2533881" y="2304458"/>
            <a:ext cx="9658120" cy="37256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73869708-F313-4DE1-9718-77A3272CB72D}"/>
              </a:ext>
            </a:extLst>
          </p:cNvPr>
          <p:cNvSpPr txBox="1">
            <a:spLocks/>
          </p:cNvSpPr>
          <p:nvPr/>
        </p:nvSpPr>
        <p:spPr>
          <a:xfrm>
            <a:off x="749509" y="1394085"/>
            <a:ext cx="10622892" cy="4822157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50000"/>
              </a:lnSpc>
            </a:pPr>
            <a:r>
              <a:rPr lang="da-DK" sz="2400" dirty="0"/>
              <a:t>Organisering og inddragelse - hvem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Indhold og fremgangsmåde - hvad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Hovedtidsplan - hvornår</a:t>
            </a:r>
          </a:p>
        </p:txBody>
      </p:sp>
    </p:spTree>
    <p:extLst>
      <p:ext uri="{BB962C8B-B14F-4D97-AF65-F5344CB8AC3E}">
        <p14:creationId xmlns:p14="http://schemas.microsoft.com/office/powerpoint/2010/main" val="284080039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CF00A5F3-17F2-9D15-EE8A-F41A49DAFA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dirty="0"/>
              <a:t>SDU’s Projektmod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5974B8-4B20-405D-B781-EB5823AF182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A69FB771-6015-457D-8CBD-634E18D4B19E}" type="datetime1">
              <a:rPr lang="da-DK" smtClean="0"/>
              <a:pPr>
                <a:spcAft>
                  <a:spcPts val="600"/>
                </a:spcAft>
              </a:pPr>
              <a:t>17-05-2022</a:t>
            </a:fld>
            <a:endParaRPr lang="da-DK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7CCFECEB-B54F-4BD1-9CB9-EE5C474A66C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10399" y="1862309"/>
            <a:ext cx="10961999" cy="4191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6947446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ADF420FB-C502-40C3-9DA5-EF1A04D67A4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233889" y="545970"/>
            <a:ext cx="10229712" cy="968037"/>
          </a:xfrm>
        </p:spPr>
        <p:txBody>
          <a:bodyPr/>
          <a:lstStyle/>
          <a:p>
            <a:pPr algn="r"/>
            <a:r>
              <a:rPr lang="da-DK" dirty="0"/>
              <a:t>Business case og projektøkonomi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73869708-F313-4DE1-9718-77A3272CB72D}"/>
              </a:ext>
            </a:extLst>
          </p:cNvPr>
          <p:cNvSpPr txBox="1">
            <a:spLocks/>
          </p:cNvSpPr>
          <p:nvPr/>
        </p:nvSpPr>
        <p:spPr>
          <a:xfrm>
            <a:off x="749509" y="1394085"/>
            <a:ext cx="10714091" cy="4822157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50000"/>
              </a:lnSpc>
            </a:pPr>
            <a:r>
              <a:rPr lang="da-DK" sz="2400" dirty="0"/>
              <a:t>Fortsat forretningsmæssig begrundelse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Afvejning af gevinster og andre effekter og konsekvenser, risici og omkostninger </a:t>
            </a:r>
          </a:p>
          <a:p>
            <a:pPr>
              <a:lnSpc>
                <a:spcPct val="150000"/>
              </a:lnSpc>
            </a:pPr>
            <a:endParaRPr lang="da-DK" sz="2400" dirty="0"/>
          </a:p>
          <a:p>
            <a:pPr>
              <a:lnSpc>
                <a:spcPct val="150000"/>
              </a:lnSpc>
            </a:pPr>
            <a:r>
              <a:rPr lang="da-DK" sz="2400" dirty="0"/>
              <a:t>Projektomkostninger; indkøb + løn 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Driftsscenarie 0; nuværende driftsomkostninger inkl. løn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Driftsscenarie 1; forventede driftsomkostninger inkl. løn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Økonomisk resultat</a:t>
            </a:r>
          </a:p>
        </p:txBody>
      </p:sp>
    </p:spTree>
    <p:extLst>
      <p:ext uri="{BB962C8B-B14F-4D97-AF65-F5344CB8AC3E}">
        <p14:creationId xmlns:p14="http://schemas.microsoft.com/office/powerpoint/2010/main" val="75934909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54636"/>
            <a:ext cx="5366267" cy="809469"/>
          </a:xfrm>
        </p:spPr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3EDBE6F5-D4AA-4746-B799-FB70CE5ED77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527030" y="1028246"/>
            <a:ext cx="6845370" cy="5651334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12.30 - 12.3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lkommen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, tovholder for netværket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35 - 12.5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Digitaliseringsporteføljen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Digitaliseringschef Bue Raun Andersen, SDU Digital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55 - 13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SDU’s projektmodel samt kort om skabeloner</a:t>
            </a: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projektleder Karin Grundsø, SDU Digital - Design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3.25 - 14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modellen i praksis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15 - 14.30 Pause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30 - 15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Co-creation-workshop: Ønskerne til et kommende digitalt projekt-flow</a:t>
            </a:r>
            <a:endParaRPr lang="da-DK" b="1" dirty="0"/>
          </a:p>
          <a:p>
            <a:pPr marL="0" indent="0">
              <a:buNone/>
            </a:pPr>
            <a:r>
              <a:rPr lang="da-DK" sz="16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 og Henri Nooyen , SDU Digital - Transformation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5.25 - 15.30 Afrunding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1AECDE-CFB6-4B6D-926C-405B4690EC08}" type="datetime1">
              <a:rPr lang="da-DK" smtClean="0"/>
              <a:t>17-05-2022</a:t>
            </a:fld>
            <a:endParaRPr lang="da-DK" dirty="0"/>
          </a:p>
        </p:txBody>
      </p:sp>
      <p:sp>
        <p:nvSpPr>
          <p:cNvPr id="2" name="Pil: højre 1">
            <a:extLst>
              <a:ext uri="{FF2B5EF4-FFF2-40B4-BE49-F238E27FC236}">
                <a16:creationId xmlns:a16="http://schemas.microsoft.com/office/drawing/2014/main" id="{55FCDD1C-43EF-42B2-AC68-19DCCC094A71}"/>
              </a:ext>
            </a:extLst>
          </p:cNvPr>
          <p:cNvSpPr/>
          <p:nvPr/>
        </p:nvSpPr>
        <p:spPr>
          <a:xfrm>
            <a:off x="3093533" y="3559222"/>
            <a:ext cx="1222159" cy="462620"/>
          </a:xfrm>
          <a:prstGeom prst="rightArrow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272476136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73869708-F313-4DE1-9718-77A3272CB72D}"/>
              </a:ext>
            </a:extLst>
          </p:cNvPr>
          <p:cNvSpPr txBox="1">
            <a:spLocks/>
          </p:cNvSpPr>
          <p:nvPr/>
        </p:nvSpPr>
        <p:spPr>
          <a:xfrm>
            <a:off x="259830" y="554637"/>
            <a:ext cx="6390805" cy="5661606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50000"/>
              </a:lnSpc>
            </a:pPr>
            <a:r>
              <a:rPr lang="da-DK" sz="2400" dirty="0">
                <a:effectLst/>
                <a:ea typeface="Calibri" panose="020F0502020204030204" pitchFamily="34" charset="0"/>
              </a:rPr>
              <a:t>Hvordan anvender jeg SDU's projektskabeloner og -værktøjer i egen praksis? Ruby</a:t>
            </a:r>
          </a:p>
          <a:p>
            <a:pPr>
              <a:lnSpc>
                <a:spcPct val="150000"/>
              </a:lnSpc>
            </a:pPr>
            <a:endParaRPr lang="da-DK" sz="2400" dirty="0"/>
          </a:p>
          <a:p>
            <a:pPr>
              <a:lnSpc>
                <a:spcPct val="150000"/>
              </a:lnSpc>
            </a:pPr>
            <a:r>
              <a:rPr lang="da-DK" sz="2400" dirty="0">
                <a:effectLst/>
                <a:ea typeface="Calibri" panose="020F0502020204030204" pitchFamily="34" charset="0"/>
              </a:rPr>
              <a:t>Hvordan skalerer jeg SDU’s projektmodel ned til mindre projekter? BMB</a:t>
            </a:r>
          </a:p>
          <a:p>
            <a:pPr>
              <a:lnSpc>
                <a:spcPct val="150000"/>
              </a:lnSpc>
            </a:pPr>
            <a:endParaRPr lang="da-DK" sz="2400" dirty="0"/>
          </a:p>
          <a:p>
            <a:pPr>
              <a:lnSpc>
                <a:spcPct val="150000"/>
              </a:lnSpc>
            </a:pPr>
            <a:r>
              <a:rPr lang="da-DK" sz="2400" dirty="0"/>
              <a:t>Konceptudvikling af SDU’s nye kategori af projekter ved navn </a:t>
            </a:r>
            <a:r>
              <a:rPr lang="da-DK" sz="2400" b="1" dirty="0"/>
              <a:t>Eksperimenter </a:t>
            </a:r>
            <a:r>
              <a:rPr lang="da-DK" sz="2400" dirty="0"/>
              <a:t>BMB</a:t>
            </a:r>
            <a:endParaRPr lang="da-DK" sz="2400" b="1" dirty="0"/>
          </a:p>
        </p:txBody>
      </p:sp>
      <p:pic>
        <p:nvPicPr>
          <p:cNvPr id="6" name="Pladsholder til billede 8">
            <a:extLst>
              <a:ext uri="{FF2B5EF4-FFF2-40B4-BE49-F238E27FC236}">
                <a16:creationId xmlns:a16="http://schemas.microsoft.com/office/drawing/2014/main" id="{49097A6C-B683-4A1E-9C2D-0BB541ACB409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9709" t="-28842" r="-19709" b="-29123"/>
          <a:stretch/>
        </p:blipFill>
        <p:spPr>
          <a:xfrm>
            <a:off x="6710401" y="0"/>
            <a:ext cx="5481600" cy="6858000"/>
          </a:xfrm>
          <a:prstGeom prst="rect">
            <a:avLst/>
          </a:prstGeom>
          <a:solidFill>
            <a:srgbClr val="4E5B31"/>
          </a:solidFill>
        </p:spPr>
      </p:pic>
      <p:sp>
        <p:nvSpPr>
          <p:cNvPr id="3" name="Titel 2">
            <a:extLst>
              <a:ext uri="{FF2B5EF4-FFF2-40B4-BE49-F238E27FC236}">
                <a16:creationId xmlns:a16="http://schemas.microsoft.com/office/drawing/2014/main" id="{ADF420FB-C502-40C3-9DA5-EF1A04D67A4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910466" y="5732223"/>
            <a:ext cx="5021704" cy="968037"/>
          </a:xfrm>
        </p:spPr>
        <p:txBody>
          <a:bodyPr/>
          <a:lstStyle/>
          <a:p>
            <a:r>
              <a:rPr lang="da-DK" dirty="0">
                <a:solidFill>
                  <a:schemeClr val="bg1"/>
                </a:solidFill>
              </a:rPr>
              <a:t>Modellen i praksis</a:t>
            </a:r>
          </a:p>
        </p:txBody>
      </p:sp>
    </p:spTree>
    <p:extLst>
      <p:ext uri="{BB962C8B-B14F-4D97-AF65-F5344CB8AC3E}">
        <p14:creationId xmlns:p14="http://schemas.microsoft.com/office/powerpoint/2010/main" val="318999757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4E5B3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ADF420FB-C502-40C3-9DA5-EF1A04D67A4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233889" y="545970"/>
            <a:ext cx="10229712" cy="968037"/>
          </a:xfrm>
        </p:spPr>
        <p:txBody>
          <a:bodyPr/>
          <a:lstStyle/>
          <a:p>
            <a:pPr algn="r"/>
            <a:r>
              <a:rPr lang="da-DK" dirty="0">
                <a:solidFill>
                  <a:schemeClr val="bg1"/>
                </a:solidFill>
              </a:rPr>
              <a:t>Projektmodellen i egen praksis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73869708-F313-4DE1-9718-77A3272CB72D}"/>
              </a:ext>
            </a:extLst>
          </p:cNvPr>
          <p:cNvSpPr txBox="1">
            <a:spLocks/>
          </p:cNvSpPr>
          <p:nvPr/>
        </p:nvSpPr>
        <p:spPr>
          <a:xfrm>
            <a:off x="749509" y="1640877"/>
            <a:ext cx="10714091" cy="4575365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50000"/>
              </a:lnSpc>
              <a:spcAft>
                <a:spcPts val="1000"/>
              </a:spcAft>
            </a:pPr>
            <a:r>
              <a:rPr lang="da-DK" sz="2400" b="1" dirty="0">
                <a:solidFill>
                  <a:schemeClr val="bg1"/>
                </a:solidFill>
              </a:rPr>
              <a:t>Tænk over 3 spørgsmål</a:t>
            </a:r>
          </a:p>
          <a:p>
            <a:pPr lvl="1">
              <a:lnSpc>
                <a:spcPct val="150000"/>
              </a:lnSpc>
              <a:spcAft>
                <a:spcPts val="1000"/>
              </a:spcAft>
            </a:pPr>
            <a:r>
              <a:rPr lang="da-DK" sz="2200" dirty="0">
                <a:solidFill>
                  <a:schemeClr val="bg1"/>
                </a:solidFill>
              </a:rPr>
              <a:t>Hvad er min tilgang til at komme i gang med at bruge projektmodellen og skabelonerne?</a:t>
            </a:r>
          </a:p>
          <a:p>
            <a:pPr lvl="1">
              <a:lnSpc>
                <a:spcPct val="150000"/>
              </a:lnSpc>
              <a:spcAft>
                <a:spcPts val="1000"/>
              </a:spcAft>
            </a:pPr>
            <a:r>
              <a:rPr lang="da-DK" sz="2200" dirty="0">
                <a:solidFill>
                  <a:schemeClr val="bg1"/>
                </a:solidFill>
              </a:rPr>
              <a:t>Hvilke skabeloner eller redskaber vil jeg gerne i gang med?</a:t>
            </a:r>
          </a:p>
          <a:p>
            <a:pPr lvl="1">
              <a:lnSpc>
                <a:spcPct val="150000"/>
              </a:lnSpc>
              <a:spcAft>
                <a:spcPts val="1000"/>
              </a:spcAft>
            </a:pPr>
            <a:r>
              <a:rPr lang="da-DK" sz="2200" dirty="0">
                <a:solidFill>
                  <a:schemeClr val="bg1"/>
                </a:solidFill>
              </a:rPr>
              <a:t>Hvad vil jeg gerne have hjælp til fra kollegerne her?</a:t>
            </a:r>
          </a:p>
          <a:p>
            <a:pPr>
              <a:lnSpc>
                <a:spcPct val="150000"/>
              </a:lnSpc>
              <a:spcAft>
                <a:spcPts val="1000"/>
              </a:spcAft>
            </a:pPr>
            <a:r>
              <a:rPr lang="da-DK" sz="2400" dirty="0">
                <a:solidFill>
                  <a:schemeClr val="bg1"/>
                </a:solidFill>
              </a:rPr>
              <a:t>Skriv skabelonerne på en lap og hæng op</a:t>
            </a:r>
          </a:p>
          <a:p>
            <a:pPr>
              <a:lnSpc>
                <a:spcPct val="150000"/>
              </a:lnSpc>
              <a:spcAft>
                <a:spcPts val="1000"/>
              </a:spcAft>
            </a:pPr>
            <a:r>
              <a:rPr lang="da-DK" sz="2400" dirty="0">
                <a:solidFill>
                  <a:schemeClr val="bg1"/>
                </a:solidFill>
              </a:rPr>
              <a:t>Skriv også en lap med, hvad I vil have hjælp til</a:t>
            </a:r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DE241E06-CCD6-4831-95C2-6A9DD1B98AB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1691" y="419100"/>
            <a:ext cx="2445745" cy="10949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1492556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4E5B3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ADF420FB-C502-40C3-9DA5-EF1A04D67A4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233889" y="545970"/>
            <a:ext cx="10229712" cy="968037"/>
          </a:xfrm>
        </p:spPr>
        <p:txBody>
          <a:bodyPr/>
          <a:lstStyle/>
          <a:p>
            <a:pPr algn="r"/>
            <a:r>
              <a:rPr lang="da-DK" dirty="0">
                <a:solidFill>
                  <a:schemeClr val="bg1"/>
                </a:solidFill>
              </a:rPr>
              <a:t>Projektmodellen i egen praksis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73869708-F313-4DE1-9718-77A3272CB72D}"/>
              </a:ext>
            </a:extLst>
          </p:cNvPr>
          <p:cNvSpPr txBox="1">
            <a:spLocks/>
          </p:cNvSpPr>
          <p:nvPr/>
        </p:nvSpPr>
        <p:spPr>
          <a:xfrm>
            <a:off x="749509" y="1640877"/>
            <a:ext cx="10714091" cy="4575365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None/>
              <a:tabLst/>
              <a:defRPr/>
            </a:pPr>
            <a:r>
              <a:rPr kumimoji="0" lang="da-DK" sz="24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ddeling i grupper</a:t>
            </a:r>
          </a:p>
          <a:p>
            <a:pPr marL="252000" marR="0" lvl="0" indent="-25200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Wingdings" panose="05000000000000000000" pitchFamily="2" charset="2"/>
              <a:buChar char=""/>
              <a:tabLst/>
              <a:defRPr/>
            </a:pPr>
            <a:r>
              <a:rPr kumimoji="0" lang="da-DK" sz="2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av en runde i grupperne, og fortæl om jeres tilgang</a:t>
            </a:r>
          </a:p>
          <a:p>
            <a:pPr marL="252000" marR="0" lvl="0" indent="-25200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Wingdings" panose="05000000000000000000" pitchFamily="2" charset="2"/>
              <a:buChar char=""/>
              <a:tabLst/>
              <a:defRPr/>
            </a:pPr>
            <a:r>
              <a:rPr kumimoji="0" lang="da-DK" sz="2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Kig sammen på det, I vil have hjælp til, og aftal, hvad I vil tage fat på</a:t>
            </a:r>
          </a:p>
          <a:p>
            <a:pPr marL="252000" marR="0" lvl="0" indent="-25200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Wingdings" panose="05000000000000000000" pitchFamily="2" charset="2"/>
              <a:buChar char=""/>
              <a:tabLst/>
              <a:defRPr/>
            </a:pPr>
            <a:r>
              <a:rPr kumimoji="0" lang="da-DK" sz="2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røft og giv hinanden hjælp i form af sparring</a:t>
            </a:r>
          </a:p>
          <a:p>
            <a:pPr marL="252000" marR="0" lvl="0" indent="-25200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Wingdings" panose="05000000000000000000" pitchFamily="2" charset="2"/>
              <a:buChar char=""/>
              <a:tabLst/>
              <a:defRPr/>
            </a:pPr>
            <a:r>
              <a:rPr kumimoji="0" lang="da-DK" sz="2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kriv en liste over de gode råd, så alle kan få glæde af dem på hjemmesiden</a:t>
            </a:r>
          </a:p>
          <a:p>
            <a:pPr marL="252000" marR="0" lvl="0" indent="-25200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1000"/>
              </a:spcAft>
              <a:buClrTx/>
              <a:buSzTx/>
              <a:buFont typeface="Wingdings" panose="05000000000000000000" pitchFamily="2" charset="2"/>
              <a:buChar char=""/>
              <a:tabLst/>
              <a:defRPr/>
            </a:pPr>
            <a:r>
              <a:rPr kumimoji="0" lang="da-DK" sz="2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ftal evt. at mødes igen for at følge op på, hvordan det går</a:t>
            </a:r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DE241E06-CCD6-4831-95C2-6A9DD1B98AB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1691" y="419100"/>
            <a:ext cx="2445745" cy="10949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860789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54636"/>
            <a:ext cx="5366267" cy="809469"/>
          </a:xfrm>
        </p:spPr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3EDBE6F5-D4AA-4746-B799-FB70CE5ED77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527030" y="1028246"/>
            <a:ext cx="6845370" cy="5651334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12.30 - 12.3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lkommen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, tovholder for netværket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35 - 12.5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Digitaliseringsporteføljen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Digitaliseringschef Bue Raun Andersen, SDU Digital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55 - 13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SDU’s projektmodel samt kort om skabeloner</a:t>
            </a: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projektleder Karin Grundsø, SDU Digital - Design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3.25 - 14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modellen i praksis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15 - 14.30 Pause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30 - 15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Co-creation-workshop: Ønskerne til et kommende digitalt projekt-flow</a:t>
            </a:r>
            <a:endParaRPr lang="da-DK" b="1" dirty="0"/>
          </a:p>
          <a:p>
            <a:pPr marL="0" indent="0">
              <a:buNone/>
            </a:pPr>
            <a:r>
              <a:rPr lang="da-DK" sz="16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 og Henri Nooyen , SDU Digital - Transformation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5.25 - 15.30 Afrunding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1AECDE-CFB6-4B6D-926C-405B4690EC08}" type="datetime1">
              <a:rPr lang="da-DK" smtClean="0"/>
              <a:t>17-05-2022</a:t>
            </a:fld>
            <a:endParaRPr lang="da-DK" dirty="0"/>
          </a:p>
        </p:txBody>
      </p:sp>
      <p:sp>
        <p:nvSpPr>
          <p:cNvPr id="2" name="Pil: højre 1">
            <a:extLst>
              <a:ext uri="{FF2B5EF4-FFF2-40B4-BE49-F238E27FC236}">
                <a16:creationId xmlns:a16="http://schemas.microsoft.com/office/drawing/2014/main" id="{55FCDD1C-43EF-42B2-AC68-19DCCC094A71}"/>
              </a:ext>
            </a:extLst>
          </p:cNvPr>
          <p:cNvSpPr/>
          <p:nvPr/>
        </p:nvSpPr>
        <p:spPr>
          <a:xfrm>
            <a:off x="3093533" y="1132795"/>
            <a:ext cx="1222159" cy="462620"/>
          </a:xfrm>
          <a:prstGeom prst="rightArrow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258627374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54636"/>
            <a:ext cx="5366267" cy="809469"/>
          </a:xfrm>
        </p:spPr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3EDBE6F5-D4AA-4746-B799-FB70CE5ED77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527030" y="1028246"/>
            <a:ext cx="6845370" cy="5651334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12.30 - 12.3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lkommen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, tovholder for netværket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35 - 12.5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Digitaliseringsporteføljen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Digitaliseringschef Bue Raun Andersen, SDU Digital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55 - 13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SDU’s projektmodel samt kort om skabeloner</a:t>
            </a: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projektleder Karin Grundsø, SDU Digital - Design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3.25 - 14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modellen i praksis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15 - 14.30 Pause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30 - 15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Co-creation-workshop: Ønskerne til et kommende digitalt projekt-flow</a:t>
            </a:r>
            <a:endParaRPr lang="da-DK" b="1" dirty="0"/>
          </a:p>
          <a:p>
            <a:pPr marL="0" indent="0">
              <a:buNone/>
            </a:pPr>
            <a:r>
              <a:rPr lang="da-DK" sz="16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 og Henri Nooyen , SDU Digital - Transformation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5.25 - 15.30 Afrunding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1AECDE-CFB6-4B6D-926C-405B4690EC08}" type="datetime1">
              <a:rPr lang="da-DK" smtClean="0"/>
              <a:t>17-05-2022</a:t>
            </a:fld>
            <a:endParaRPr lang="da-DK" dirty="0"/>
          </a:p>
        </p:txBody>
      </p:sp>
      <p:sp>
        <p:nvSpPr>
          <p:cNvPr id="2" name="Pil: højre 1">
            <a:extLst>
              <a:ext uri="{FF2B5EF4-FFF2-40B4-BE49-F238E27FC236}">
                <a16:creationId xmlns:a16="http://schemas.microsoft.com/office/drawing/2014/main" id="{55FCDD1C-43EF-42B2-AC68-19DCCC094A71}"/>
              </a:ext>
            </a:extLst>
          </p:cNvPr>
          <p:cNvSpPr/>
          <p:nvPr/>
        </p:nvSpPr>
        <p:spPr>
          <a:xfrm>
            <a:off x="3093533" y="4130828"/>
            <a:ext cx="1222159" cy="462620"/>
          </a:xfrm>
          <a:prstGeom prst="rightArrow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234891300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54636"/>
            <a:ext cx="5366267" cy="809469"/>
          </a:xfrm>
        </p:spPr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3EDBE6F5-D4AA-4746-B799-FB70CE5ED77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527030" y="1028246"/>
            <a:ext cx="6845370" cy="5651334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12.30 - 12.3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lkommen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, tovholder for netværket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35 - 12.5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Digitaliseringsporteføljen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Digitaliseringschef Bue Raun Andersen, SDU Digital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55 - 13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SDU’s projektmodel samt kort om skabeloner</a:t>
            </a: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projektleder Karin Grundsø, SDU Digital - Design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3.25 - 14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modellen i praksis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15 - 14.30 Pause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30 - 15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Co-creation-workshop: Ønskerne til et kommende digitalt projekt-flow</a:t>
            </a:r>
            <a:endParaRPr lang="da-DK" b="1" dirty="0"/>
          </a:p>
          <a:p>
            <a:pPr marL="0" indent="0">
              <a:buNone/>
            </a:pPr>
            <a:r>
              <a:rPr lang="da-DK" sz="16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 og Henri Nooyen , SDU Digital - Transformation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5.25 - 15.30 Afrunding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1AECDE-CFB6-4B6D-926C-405B4690EC08}" type="datetime1">
              <a:rPr lang="da-DK" smtClean="0"/>
              <a:t>17-05-2022</a:t>
            </a:fld>
            <a:endParaRPr lang="da-DK" dirty="0"/>
          </a:p>
        </p:txBody>
      </p:sp>
      <p:sp>
        <p:nvSpPr>
          <p:cNvPr id="2" name="Pil: højre 1">
            <a:extLst>
              <a:ext uri="{FF2B5EF4-FFF2-40B4-BE49-F238E27FC236}">
                <a16:creationId xmlns:a16="http://schemas.microsoft.com/office/drawing/2014/main" id="{55FCDD1C-43EF-42B2-AC68-19DCCC094A71}"/>
              </a:ext>
            </a:extLst>
          </p:cNvPr>
          <p:cNvSpPr/>
          <p:nvPr/>
        </p:nvSpPr>
        <p:spPr>
          <a:xfrm>
            <a:off x="3093533" y="4745425"/>
            <a:ext cx="1222159" cy="462620"/>
          </a:xfrm>
          <a:prstGeom prst="rightArrow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312011985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54636"/>
            <a:ext cx="5366267" cy="809469"/>
          </a:xfrm>
        </p:spPr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3EDBE6F5-D4AA-4746-B799-FB70CE5ED77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527030" y="1028246"/>
            <a:ext cx="6845370" cy="5651334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12.30 - 12.3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lkommen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, tovholder for netværket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35 - 12.5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Digitaliseringsporteføljen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Digitaliseringschef Bue Raun Andersen, SDU Digital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55 - 13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SDU’s projektmodel samt kort om skabeloner</a:t>
            </a: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projektleder Karin Grundsø, SDU Digital - Design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3.25 - 14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modellen i praksis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15 - 14.30 Pause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30 - 15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Co-creation-workshop: Ønskerne til et kommende digitalt projekt-flow</a:t>
            </a:r>
            <a:endParaRPr lang="da-DK" b="1" dirty="0"/>
          </a:p>
          <a:p>
            <a:pPr marL="0" indent="0">
              <a:buNone/>
            </a:pPr>
            <a:r>
              <a:rPr lang="da-DK" sz="16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 og Henri Nooyen , SDU Digital - Transformation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5.25 - 15.30 Afrunding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1AECDE-CFB6-4B6D-926C-405B4690EC08}" type="datetime1">
              <a:rPr lang="da-DK" smtClean="0"/>
              <a:t>17-05-2022</a:t>
            </a:fld>
            <a:endParaRPr lang="da-DK" dirty="0"/>
          </a:p>
        </p:txBody>
      </p:sp>
      <p:sp>
        <p:nvSpPr>
          <p:cNvPr id="2" name="Pil: højre 1">
            <a:extLst>
              <a:ext uri="{FF2B5EF4-FFF2-40B4-BE49-F238E27FC236}">
                <a16:creationId xmlns:a16="http://schemas.microsoft.com/office/drawing/2014/main" id="{55FCDD1C-43EF-42B2-AC68-19DCCC094A71}"/>
              </a:ext>
            </a:extLst>
          </p:cNvPr>
          <p:cNvSpPr/>
          <p:nvPr/>
        </p:nvSpPr>
        <p:spPr>
          <a:xfrm>
            <a:off x="3093533" y="5811801"/>
            <a:ext cx="1222159" cy="462620"/>
          </a:xfrm>
          <a:prstGeom prst="rightArrow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38122759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54636"/>
            <a:ext cx="5366267" cy="809469"/>
          </a:xfrm>
        </p:spPr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3EDBE6F5-D4AA-4746-B799-FB70CE5ED77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527030" y="1028246"/>
            <a:ext cx="6845370" cy="5651334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12.30 - 12.3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lkommen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, tovholder for netværket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35 - 12.5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Digitaliseringsporteføljen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Digitaliseringschef Bue Raun Andersen, SDU Digital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55 - 13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SDU’s projektmodel samt kort om skabeloner</a:t>
            </a: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projektleder Karin Grundsø, SDU Digital - Design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3.25 - 14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modellen i praksis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15 - 14.30 Pause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30 - 15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Co-creation-workshop: Ønskerne til et kommende digitalt projekt-flow</a:t>
            </a:r>
            <a:endParaRPr lang="da-DK" b="1" dirty="0"/>
          </a:p>
          <a:p>
            <a:pPr marL="0" indent="0">
              <a:buNone/>
            </a:pPr>
            <a:r>
              <a:rPr lang="da-DK" sz="16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 og Henri Nooyen , SDU Digital - Transformation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5.25 - 15.30 Afrunding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1AECDE-CFB6-4B6D-926C-405B4690EC08}" type="datetime1">
              <a:rPr lang="da-DK" smtClean="0"/>
              <a:t>17-05-2022</a:t>
            </a:fld>
            <a:endParaRPr lang="da-DK" dirty="0"/>
          </a:p>
        </p:txBody>
      </p:sp>
      <p:sp>
        <p:nvSpPr>
          <p:cNvPr id="2" name="Pil: højre 1">
            <a:extLst>
              <a:ext uri="{FF2B5EF4-FFF2-40B4-BE49-F238E27FC236}">
                <a16:creationId xmlns:a16="http://schemas.microsoft.com/office/drawing/2014/main" id="{55FCDD1C-43EF-42B2-AC68-19DCCC094A71}"/>
              </a:ext>
            </a:extLst>
          </p:cNvPr>
          <p:cNvSpPr/>
          <p:nvPr/>
        </p:nvSpPr>
        <p:spPr>
          <a:xfrm>
            <a:off x="3093533" y="1897293"/>
            <a:ext cx="1222159" cy="462620"/>
          </a:xfrm>
          <a:prstGeom prst="rightArrow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51527310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54636"/>
            <a:ext cx="5366267" cy="809469"/>
          </a:xfrm>
        </p:spPr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3EDBE6F5-D4AA-4746-B799-FB70CE5ED77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527030" y="1028246"/>
            <a:ext cx="6845370" cy="5651334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12.30 - 12.3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lkommen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, tovholder for netværket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35 - 12.5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Digitaliseringsporteføljen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Digitaliseringschef Bue Raun Andersen, SDU Digital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2.55 - 13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tro til SDU’s projektmodel samt kort om skabeloner</a:t>
            </a: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projektleder Karin Grundsø, SDU Digital - Design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3.25 - 14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modellen i praksis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15 - 14.30 Pause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4.30 - 15.2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Co-creation-workshop: Ønskerne til et kommende digitalt projekt-flow</a:t>
            </a:r>
            <a:endParaRPr lang="da-DK" b="1" dirty="0"/>
          </a:p>
          <a:p>
            <a:pPr marL="0" indent="0">
              <a:buNone/>
            </a:pPr>
            <a:r>
              <a:rPr lang="da-DK" sz="16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Birgitte Hjelm Paulsen og Henri Nooyen , SDU Digital - Transformation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15.25 - 15.30 Afrunding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1AECDE-CFB6-4B6D-926C-405B4690EC08}" type="datetime1">
              <a:rPr lang="da-DK" smtClean="0"/>
              <a:t>17-05-2022</a:t>
            </a:fld>
            <a:endParaRPr lang="da-DK" dirty="0"/>
          </a:p>
        </p:txBody>
      </p:sp>
      <p:sp>
        <p:nvSpPr>
          <p:cNvPr id="2" name="Pil: højre 1">
            <a:extLst>
              <a:ext uri="{FF2B5EF4-FFF2-40B4-BE49-F238E27FC236}">
                <a16:creationId xmlns:a16="http://schemas.microsoft.com/office/drawing/2014/main" id="{55FCDD1C-43EF-42B2-AC68-19DCCC094A71}"/>
              </a:ext>
            </a:extLst>
          </p:cNvPr>
          <p:cNvSpPr/>
          <p:nvPr/>
        </p:nvSpPr>
        <p:spPr>
          <a:xfrm>
            <a:off x="3093533" y="2796703"/>
            <a:ext cx="1222159" cy="462620"/>
          </a:xfrm>
          <a:prstGeom prst="rightArrow">
            <a:avLst/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113215055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B5B4D2BE-64F4-4968-9B0C-E9C5F1A65F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124" y="522514"/>
            <a:ext cx="853049" cy="5264827"/>
          </a:xfrm>
        </p:spPr>
        <p:txBody>
          <a:bodyPr vert="vert"/>
          <a:lstStyle/>
          <a:p>
            <a:pPr algn="ctr"/>
            <a:r>
              <a:rPr lang="da-DK" dirty="0"/>
              <a:t>Lige nogle projekt-ord</a:t>
            </a:r>
            <a:endParaRPr lang="da-DK" sz="2400" b="0" dirty="0">
              <a:latin typeface="+mn-lt"/>
            </a:endParaRP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56CC9DBB-9D42-4142-BA14-120E5760A9B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1655179" y="1342663"/>
            <a:ext cx="9717221" cy="4873579"/>
          </a:xfrm>
        </p:spPr>
        <p:txBody>
          <a:bodyPr/>
          <a:lstStyle/>
          <a:p>
            <a:pPr lvl="0">
              <a:lnSpc>
                <a:spcPct val="150000"/>
              </a:lnSpc>
            </a:pPr>
            <a:r>
              <a:rPr lang="da-DK" sz="2400" dirty="0"/>
              <a:t>Model = et forenklet billede af virkeligheden</a:t>
            </a:r>
          </a:p>
          <a:p>
            <a:pPr lvl="0">
              <a:lnSpc>
                <a:spcPct val="150000"/>
              </a:lnSpc>
            </a:pPr>
            <a:r>
              <a:rPr lang="da-DK" sz="2400" dirty="0"/>
              <a:t>Portefølje og porteføljestyring</a:t>
            </a:r>
          </a:p>
          <a:p>
            <a:pPr lvl="0">
              <a:lnSpc>
                <a:spcPct val="150000"/>
              </a:lnSpc>
            </a:pPr>
            <a:r>
              <a:rPr lang="da-DK" sz="2400" dirty="0"/>
              <a:t>Projekter og projektstyring</a:t>
            </a:r>
          </a:p>
          <a:p>
            <a:pPr lvl="0">
              <a:lnSpc>
                <a:spcPct val="150000"/>
              </a:lnSpc>
            </a:pPr>
            <a:r>
              <a:rPr lang="da-DK" sz="2400" dirty="0"/>
              <a:t>Projektprocesser</a:t>
            </a:r>
          </a:p>
          <a:p>
            <a:pPr lvl="0">
              <a:lnSpc>
                <a:spcPct val="150000"/>
              </a:lnSpc>
            </a:pPr>
            <a:r>
              <a:rPr lang="da-DK" sz="2400" dirty="0"/>
              <a:t>Projektfaser</a:t>
            </a:r>
          </a:p>
          <a:p>
            <a:pPr lvl="0">
              <a:lnSpc>
                <a:spcPct val="150000"/>
              </a:lnSpc>
            </a:pPr>
            <a:r>
              <a:rPr lang="da-DK" sz="2400" dirty="0"/>
              <a:t>Gates og Stage-gate model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F1C90096-D930-4880-8411-311DC6BF9DD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20336CF-8258-4885-B22C-C4E24888A78B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-05-2022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EACE0C19-D828-476E-96B9-569C8AEEE47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21082" y="4282633"/>
            <a:ext cx="4738740" cy="17117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75661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CF00A5F3-17F2-9D15-EE8A-F41A49DAFA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dirty="0"/>
              <a:t>SDU’s Stage-gatemod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5974B8-4B20-405D-B781-EB5823AF182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A69FB771-6015-457D-8CBD-634E18D4B19E}" type="datetime1">
              <a:rPr lang="da-DK" smtClean="0"/>
              <a:pPr>
                <a:spcAft>
                  <a:spcPts val="600"/>
                </a:spcAft>
              </a:pPr>
              <a:t>17-05-2022</a:t>
            </a:fld>
            <a:endParaRPr lang="da-DK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B20A9CFA-983D-455B-B0A3-66978220619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10400" y="1966913"/>
            <a:ext cx="11149422" cy="402748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758035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B5B4D2BE-64F4-4968-9B0C-E9C5F1A65F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124" y="1632253"/>
            <a:ext cx="4430048" cy="3887703"/>
          </a:xfrm>
        </p:spPr>
        <p:txBody>
          <a:bodyPr/>
          <a:lstStyle/>
          <a:p>
            <a:r>
              <a:rPr lang="da-DK" dirty="0"/>
              <a:t>Et kig på projektflowet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56CC9DBB-9D42-4142-BA14-120E5760A9B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69124" y="3024814"/>
            <a:ext cx="8790623" cy="2495142"/>
          </a:xfrm>
        </p:spPr>
        <p:txBody>
          <a:bodyPr/>
          <a:lstStyle/>
          <a:p>
            <a:r>
              <a:rPr lang="da-DK" sz="1800" u="sng" dirty="0">
                <a:solidFill>
                  <a:srgbClr val="0080FF"/>
                </a:solidFill>
                <a:effectLst/>
                <a:latin typeface="Candara" panose="020E0502030303020204" pitchFamily="34" charset="0"/>
                <a:ea typeface="Candara" panose="020E0502030303020204" pitchFamily="34" charset="0"/>
                <a:cs typeface="Times New Roman" panose="02020603050405020304" pitchFamily="18" charset="0"/>
                <a:hlinkClick r:id="rId3"/>
              </a:rPr>
              <a:t>https://sdunet.dk/da/servicesider/digitalisering-og-it/projekt_og_portefoeljestyring/digitaliseringsportefoeljen/ny_projektide</a:t>
            </a:r>
            <a:endParaRPr lang="da-DK" sz="2000" dirty="0"/>
          </a:p>
          <a:p>
            <a:endParaRPr lang="da-DK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F1C90096-D930-4880-8411-311DC6BF9DD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20336CF-8258-4885-B22C-C4E24888A78B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-05-2022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A15C40E9-64E6-4BED-8879-5083C671688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02974" y="3517337"/>
            <a:ext cx="7361763" cy="323199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76147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ladsholder til billede 1">
            <a:extLst>
              <a:ext uri="{FF2B5EF4-FFF2-40B4-BE49-F238E27FC236}">
                <a16:creationId xmlns:a16="http://schemas.microsoft.com/office/drawing/2014/main" id="{D1B969CC-8E4F-409C-B3C8-A649C209B518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7392" b="8837"/>
          <a:stretch/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605BD87E-47ED-48BE-9597-451CDE88AB5F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719941B7-4528-4421-BF30-88B1F024845A}" type="datetime1">
              <a:rPr lang="da-DK" smtClean="0"/>
              <a:pPr>
                <a:spcAft>
                  <a:spcPts val="600"/>
                </a:spcAft>
              </a:pPr>
              <a:t>17-05-2022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54CF7FB-D8EA-45EE-BC90-7C47F2FB7F8E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8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4174639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5A52E1DB-0830-4D6F-9C9D-C35784A0D1D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641758"/>
            <a:ext cx="6750601" cy="947199"/>
          </a:xfrm>
        </p:spPr>
        <p:txBody>
          <a:bodyPr/>
          <a:lstStyle/>
          <a:p>
            <a:r>
              <a:rPr lang="da-DK" dirty="0"/>
              <a:t>Skabeloner og redskaber</a:t>
            </a:r>
          </a:p>
        </p:txBody>
      </p:sp>
      <p:sp>
        <p:nvSpPr>
          <p:cNvPr id="4" name="Pladsholder til indhold 4">
            <a:extLst>
              <a:ext uri="{FF2B5EF4-FFF2-40B4-BE49-F238E27FC236}">
                <a16:creationId xmlns:a16="http://schemas.microsoft.com/office/drawing/2014/main" id="{9AF1EC2D-5C70-49D8-909F-3C58F2AF61E0}"/>
              </a:ext>
            </a:extLst>
          </p:cNvPr>
          <p:cNvSpPr txBox="1">
            <a:spLocks/>
          </p:cNvSpPr>
          <p:nvPr/>
        </p:nvSpPr>
        <p:spPr>
          <a:xfrm>
            <a:off x="1655179" y="1753849"/>
            <a:ext cx="9717221" cy="4462393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50000"/>
              </a:lnSpc>
            </a:pPr>
            <a:r>
              <a:rPr lang="da-DK" sz="2400" dirty="0"/>
              <a:t>Start med en logbog til egne noter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Lav 1 eller flere Teams sites og en tilhørende Planner-app</a:t>
            </a:r>
          </a:p>
          <a:p>
            <a:pPr>
              <a:lnSpc>
                <a:spcPct val="150000"/>
              </a:lnSpc>
            </a:pPr>
            <a:endParaRPr lang="da-DK" sz="2400" dirty="0"/>
          </a:p>
          <a:p>
            <a:pPr>
              <a:lnSpc>
                <a:spcPct val="150000"/>
              </a:lnSpc>
            </a:pPr>
            <a:r>
              <a:rPr lang="da-DK" sz="2400" dirty="0"/>
              <a:t>Idéoplæg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Projektgrundlag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Projektøkonomi</a:t>
            </a:r>
          </a:p>
        </p:txBody>
      </p:sp>
    </p:spTree>
    <p:extLst>
      <p:ext uri="{BB962C8B-B14F-4D97-AF65-F5344CB8AC3E}">
        <p14:creationId xmlns:p14="http://schemas.microsoft.com/office/powerpoint/2010/main" val="2993939331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21329541028667","enableDocumentContentUpdater":true,"version":"1.3"}]]></TemplafySlideTemplateConfiguration>
</file>

<file path=customXml/item2.xml><?xml version="1.0" encoding="utf-8"?>
<TemplafyTemplateConfiguration><![CDATA[{"elementsMetadata":[],"transformationConfigurations":[{"language":"{{DocumentLanguage}}","disableUpdates":false,"type":"proofingLanguage"}],"templateName":"SDU widescreen 16:9 - uden enhedsnavn, dato og links","templateDescription":"SDU widescreen 16:9 - uden enhedsnavn, dato og links","enableDocumentContentUpdater":true,"version":"1.3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21329540560416","enableDocumentContentUpdater":true,"version":"1.3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21329541028667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3373034-6B38-49CB-8282-D14F114ED4E3}">
  <ds:schemaRefs/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customXml/itemProps3.xml><?xml version="1.0" encoding="utf-8"?>
<ds:datastoreItem xmlns:ds="http://schemas.openxmlformats.org/officeDocument/2006/customXml" ds:itemID="{C5CD5A01-6378-494D-B71B-D23DEC9A120C}">
  <ds:schemaRefs/>
</ds:datastoreItem>
</file>

<file path=customXml/itemProps4.xml><?xml version="1.0" encoding="utf-8"?>
<ds:datastoreItem xmlns:ds="http://schemas.openxmlformats.org/officeDocument/2006/customXml" ds:itemID="{43723FED-A2E0-415E-8B28-139637BC092B}">
  <ds:schemaRefs/>
</ds:datastoreItem>
</file>

<file path=customXml/itemProps5.xml><?xml version="1.0" encoding="utf-8"?>
<ds:datastoreItem xmlns:ds="http://schemas.openxmlformats.org/officeDocument/2006/customXml" ds:itemID="{80A386E5-FB57-411F-ACEC-E4C4608EF981}">
  <ds:schemaRefs/>
</ds:datastoreItem>
</file>

<file path=customXml/itemProps6.xml><?xml version="1.0" encoding="utf-8"?>
<ds:datastoreItem xmlns:ds="http://schemas.openxmlformats.org/officeDocument/2006/customXml" ds:itemID="{FE87C2BA-4D9C-4A03-8ACC-AC033380FDD9}">
  <ds:schemaRefs/>
</ds:datastoreItem>
</file>

<file path=customXml/itemProps7.xml><?xml version="1.0" encoding="utf-8"?>
<ds:datastoreItem xmlns:ds="http://schemas.openxmlformats.org/officeDocument/2006/customXml" ds:itemID="{D80A8C1E-5476-4CE9-B8C7-2CFC2E1C79C3}">
  <ds:schemaRefs/>
</ds:datastoreItem>
</file>

<file path=customXml/itemProps8.xml><?xml version="1.0" encoding="utf-8"?>
<ds:datastoreItem xmlns:ds="http://schemas.openxmlformats.org/officeDocument/2006/customXml" ds:itemID="{6328992E-AE26-492A-B96B-B12F18AF170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394</Words>
  <Application>Microsoft Office PowerPoint</Application>
  <PresentationFormat>Widescreen</PresentationFormat>
  <Paragraphs>248</Paragraphs>
  <Slides>22</Slides>
  <Notes>2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2</vt:i4>
      </vt:variant>
    </vt:vector>
  </HeadingPairs>
  <TitlesOfParts>
    <vt:vector size="27" baseType="lpstr">
      <vt:lpstr>Arial</vt:lpstr>
      <vt:lpstr>Calibri</vt:lpstr>
      <vt:lpstr>Candara</vt:lpstr>
      <vt:lpstr>Wingdings</vt:lpstr>
      <vt:lpstr>Blank</vt:lpstr>
      <vt:lpstr>Velkommen til Projekt- og porteføljenetværk  17. maj 2022</vt:lpstr>
      <vt:lpstr>Program</vt:lpstr>
      <vt:lpstr>Program</vt:lpstr>
      <vt:lpstr>Program</vt:lpstr>
      <vt:lpstr>Lige nogle projekt-ord</vt:lpstr>
      <vt:lpstr>SDU’s Stage-gatemodel</vt:lpstr>
      <vt:lpstr>Et kig på projektflowet</vt:lpstr>
      <vt:lpstr>PowerPoint-præsentation</vt:lpstr>
      <vt:lpstr>Skabeloner og redskaber</vt:lpstr>
      <vt:lpstr>Idéoplæg</vt:lpstr>
      <vt:lpstr>Målhierarki</vt:lpstr>
      <vt:lpstr>Projektgrundlag</vt:lpstr>
      <vt:lpstr>Projektgrundlag</vt:lpstr>
      <vt:lpstr>SDU’s Projektmodel</vt:lpstr>
      <vt:lpstr>Business case og projektøkonomi</vt:lpstr>
      <vt:lpstr>Program</vt:lpstr>
      <vt:lpstr>Modellen i praksis</vt:lpstr>
      <vt:lpstr>Projektmodellen i egen praksis</vt:lpstr>
      <vt:lpstr>Projektmodellen i egen praksis</vt:lpstr>
      <vt:lpstr>Program</vt:lpstr>
      <vt:lpstr>Program</vt:lpstr>
      <vt:lpstr>Program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19-01-15T10:32:39Z</dcterms:created>
  <dcterms:modified xsi:type="dcterms:W3CDTF">2022-05-17T10:11:1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6082231930658826</vt:lpwstr>
  </property>
  <property fmtid="{D5CDD505-2E9C-101B-9397-08002B2CF9AE}" pid="6" name="TemplafyLanguageCode">
    <vt:lpwstr>da-DK</vt:lpwstr>
  </property>
</Properties>
</file>